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nkhuiz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F9B1634F-C435-D30F-4175-6CAB9C051F1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9477" y="4870589"/>
            <a:ext cx="2030412" cy="176645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78F14268-BF8B-45E5-9BC4-26AEF88D6EE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8277" y="4015323"/>
            <a:ext cx="1479508" cy="128717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12T07:36:56Z</dcterms:modified>
</cp:coreProperties>
</file>